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3.4月(5月1日現在)\"/>
    </mc:Choice>
  </mc:AlternateContent>
  <xr:revisionPtr revIDLastSave="0" documentId="13_ncr:1_{0DA19333-49A0-4F9E-82A7-76EDB3269662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2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ウガンダ</t>
  </si>
  <si>
    <t>令和 4年 4月30日</t>
  </si>
  <si>
    <t>チェコ</t>
  </si>
  <si>
    <t>ルーマニア</t>
  </si>
  <si>
    <t>セネガル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4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7</v>
      </c>
      <c r="E3" s="3" t="s">
        <v>64</v>
      </c>
    </row>
    <row r="4" spans="1:5" ht="21" x14ac:dyDescent="0.4">
      <c r="A4" s="4" t="s">
        <v>55</v>
      </c>
      <c r="D4" s="13" t="s">
        <v>56</v>
      </c>
      <c r="E4" s="3" t="s">
        <v>64</v>
      </c>
    </row>
    <row r="5" spans="1:5" ht="25.15" customHeight="1" x14ac:dyDescent="0.4">
      <c r="A5" s="5" t="s">
        <v>53</v>
      </c>
      <c r="B5" s="6" t="s">
        <v>50</v>
      </c>
      <c r="C5" s="9" t="s">
        <v>51</v>
      </c>
      <c r="D5" s="10" t="s">
        <v>52</v>
      </c>
      <c r="E5" s="5" t="s">
        <v>58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97</v>
      </c>
      <c r="C12" s="11">
        <v>36</v>
      </c>
      <c r="D12" s="12">
        <v>61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5</v>
      </c>
      <c r="C16" s="11">
        <v>2</v>
      </c>
      <c r="D16" s="12">
        <v>3</v>
      </c>
      <c r="E16" s="7"/>
    </row>
    <row r="17" spans="1:5" ht="25.15" customHeight="1" x14ac:dyDescent="0.4">
      <c r="A17" s="7" t="s">
        <v>60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4</v>
      </c>
      <c r="C19" s="11">
        <v>3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4</v>
      </c>
      <c r="C20" s="11">
        <v>62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7</v>
      </c>
      <c r="C21" s="11">
        <v>22</v>
      </c>
      <c r="D21" s="12">
        <v>25</v>
      </c>
      <c r="E21" s="7"/>
    </row>
    <row r="22" spans="1:5" ht="25.15" customHeight="1" x14ac:dyDescent="0.4">
      <c r="A22" s="7" t="s">
        <v>62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0</v>
      </c>
      <c r="C28" s="11">
        <v>51</v>
      </c>
      <c r="D28" s="12">
        <v>19</v>
      </c>
      <c r="E28" s="7"/>
    </row>
    <row r="29" spans="1:5" ht="25.15" customHeight="1" x14ac:dyDescent="0.4">
      <c r="A29" s="7" t="s">
        <v>20</v>
      </c>
      <c r="B29" s="8">
        <v>46</v>
      </c>
      <c r="C29" s="11">
        <v>37</v>
      </c>
      <c r="D29" s="12">
        <v>9</v>
      </c>
      <c r="E29" s="7"/>
    </row>
    <row r="30" spans="1:5" ht="25.15" customHeight="1" x14ac:dyDescent="0.4">
      <c r="A30" s="7" t="s">
        <v>61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7</v>
      </c>
      <c r="D36" s="12">
        <v>46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59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7</v>
      </c>
      <c r="C40" s="11">
        <v>4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6</v>
      </c>
      <c r="C42" s="11">
        <v>11</v>
      </c>
      <c r="D42" s="12">
        <v>5</v>
      </c>
      <c r="E42" s="7"/>
    </row>
    <row r="43" spans="1:5" ht="25.15" customHeight="1" x14ac:dyDescent="0.4">
      <c r="A43" s="7" t="s">
        <v>32</v>
      </c>
      <c r="B43" s="8">
        <v>4</v>
      </c>
      <c r="C43" s="11">
        <v>4</v>
      </c>
      <c r="D43" s="12">
        <v>0</v>
      </c>
      <c r="E43" s="7"/>
    </row>
    <row r="44" spans="1:5" ht="25.15" customHeight="1" x14ac:dyDescent="0.4">
      <c r="A44" s="7" t="s">
        <v>33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4</v>
      </c>
      <c r="B45" s="8">
        <v>63</v>
      </c>
      <c r="C45" s="11">
        <v>29</v>
      </c>
      <c r="D45" s="12">
        <v>34</v>
      </c>
      <c r="E45" s="7"/>
    </row>
    <row r="46" spans="1:5" ht="25.15" customHeight="1" x14ac:dyDescent="0.4">
      <c r="A46" s="7" t="s">
        <v>35</v>
      </c>
      <c r="B46" s="8">
        <v>356</v>
      </c>
      <c r="C46" s="11">
        <v>160</v>
      </c>
      <c r="D46" s="12">
        <v>196</v>
      </c>
      <c r="E46" s="7"/>
    </row>
    <row r="47" spans="1:5" ht="25.15" customHeight="1" x14ac:dyDescent="0.4">
      <c r="A47" s="7" t="s">
        <v>36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6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0</v>
      </c>
      <c r="C50" s="11">
        <v>2</v>
      </c>
      <c r="D50" s="12">
        <v>8</v>
      </c>
      <c r="E50" s="7"/>
    </row>
    <row r="51" spans="1:5" ht="25.15" customHeight="1" x14ac:dyDescent="0.4">
      <c r="A51" s="7" t="s">
        <v>39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7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0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1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2</v>
      </c>
      <c r="B55" s="8">
        <v>7</v>
      </c>
      <c r="C55" s="11">
        <v>3</v>
      </c>
      <c r="D55" s="12">
        <v>4</v>
      </c>
      <c r="E55" s="7"/>
    </row>
    <row r="56" spans="1:5" ht="25.15" customHeight="1" x14ac:dyDescent="0.4">
      <c r="A56" s="7" t="s">
        <v>43</v>
      </c>
      <c r="B56" s="8">
        <v>27</v>
      </c>
      <c r="C56" s="11">
        <v>17</v>
      </c>
      <c r="D56" s="12">
        <v>10</v>
      </c>
      <c r="E56" s="7"/>
    </row>
    <row r="57" spans="1:5" ht="25.15" customHeight="1" x14ac:dyDescent="0.4">
      <c r="A57" s="7" t="s">
        <v>63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44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5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6</v>
      </c>
      <c r="B60" s="8">
        <v>459</v>
      </c>
      <c r="C60" s="11">
        <v>348</v>
      </c>
      <c r="D60" s="12">
        <v>111</v>
      </c>
      <c r="E60" s="7"/>
    </row>
    <row r="61" spans="1:5" ht="25.15" customHeight="1" x14ac:dyDescent="0.4">
      <c r="A61" s="7" t="s">
        <v>47</v>
      </c>
      <c r="B61" s="8">
        <v>1</v>
      </c>
      <c r="C61" s="11">
        <v>0</v>
      </c>
      <c r="D61" s="12">
        <v>1</v>
      </c>
      <c r="E61" s="7"/>
    </row>
    <row r="62" spans="1:5" ht="25.15" customHeight="1" x14ac:dyDescent="0.4">
      <c r="A62" s="7" t="s">
        <v>48</v>
      </c>
      <c r="B62" s="8">
        <v>150</v>
      </c>
      <c r="C62" s="11">
        <v>125</v>
      </c>
      <c r="D62" s="12">
        <v>25</v>
      </c>
      <c r="E62" s="7"/>
    </row>
    <row r="63" spans="1:5" ht="25.15" customHeight="1" x14ac:dyDescent="0.4">
      <c r="A63" s="7" t="s">
        <v>49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50</v>
      </c>
      <c r="B67" s="8">
        <v>1751</v>
      </c>
      <c r="C67" s="8">
        <v>1058</v>
      </c>
      <c r="D67" s="8">
        <v>693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5-06T09:16:53Z</dcterms:modified>
</cp:coreProperties>
</file>